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19224714\Desktop\"/>
    </mc:Choice>
  </mc:AlternateContent>
  <bookViews>
    <workbookView xWindow="0" yWindow="0" windowWidth="14595" windowHeight="9990"/>
  </bookViews>
  <sheets>
    <sheet name="人口と世帯" sheetId="1" r:id="rId1"/>
  </sheets>
  <externalReferences>
    <externalReference r:id="rId2"/>
  </externalReferences>
  <definedNames>
    <definedName name="_Order1">255</definedName>
    <definedName name="_Regression_Int" localSheetId="0">1</definedName>
    <definedName name="_xlnm.Print_Area" localSheetId="0">人口と世帯!$B$1:$M$77</definedName>
    <definedName name="_xlnm.Print_Titles" localSheetId="0">人口と世帯!$3:$6</definedName>
    <definedName name="市名">[1]様式1!$X$6:$X$9</definedName>
    <definedName name="人口と世帯３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88">
  <si>
    <t>人　　  口 　　 と　 　 世 　　 帯</t>
  </si>
  <si>
    <t>（令和２年国勢調査確定値を基準とした推計）</t>
    <rPh sb="1" eb="3">
      <t>レイワ</t>
    </rPh>
    <rPh sb="9" eb="10">
      <t>カク</t>
    </rPh>
    <phoneticPr fontId="10"/>
  </si>
  <si>
    <t>市 区 町 村</t>
  </si>
  <si>
    <t>世 帯 数</t>
  </si>
  <si>
    <t>人</t>
  </si>
  <si>
    <t>口</t>
  </si>
  <si>
    <t>前１か月の人口増減の内訳</t>
    <rPh sb="7" eb="9">
      <t>ゾウゲン</t>
    </rPh>
    <phoneticPr fontId="11"/>
  </si>
  <si>
    <t>１世帯当</t>
  </si>
  <si>
    <t>人口密度</t>
  </si>
  <si>
    <t>総  数</t>
  </si>
  <si>
    <t>男</t>
  </si>
  <si>
    <t>女</t>
  </si>
  <si>
    <t>計</t>
  </si>
  <si>
    <t>自然増減</t>
  </si>
  <si>
    <t>社会増減</t>
  </si>
  <si>
    <t>たり人員</t>
  </si>
  <si>
    <t>（１ｋ㎡）</t>
  </si>
  <si>
    <t>世帯</t>
  </si>
  <si>
    <t>県計</t>
    <phoneticPr fontId="11"/>
  </si>
  <si>
    <t>市部計</t>
    <phoneticPr fontId="11"/>
  </si>
  <si>
    <t>郡部計</t>
  </si>
  <si>
    <t>横浜市</t>
  </si>
  <si>
    <t xml:space="preserve">  鶴見区</t>
  </si>
  <si>
    <t xml:space="preserve">   神奈川区</t>
    <phoneticPr fontId="11"/>
  </si>
  <si>
    <t xml:space="preserve"> 西  区</t>
  </si>
  <si>
    <t xml:space="preserve">  中   区</t>
  </si>
  <si>
    <t xml:space="preserve"> 南  区</t>
  </si>
  <si>
    <t xml:space="preserve">  港南区</t>
  </si>
  <si>
    <t>　保土ケ谷区</t>
    <phoneticPr fontId="11"/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>川崎市</t>
  </si>
  <si>
    <t xml:space="preserve">  川崎区</t>
  </si>
  <si>
    <t xml:space="preserve"> 幸  区</t>
    <phoneticPr fontId="11"/>
  </si>
  <si>
    <t xml:space="preserve">  中原区</t>
  </si>
  <si>
    <t xml:space="preserve">  高津区</t>
    <phoneticPr fontId="11"/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11"/>
  </si>
  <si>
    <t xml:space="preserve">  中央区</t>
    <rPh sb="2" eb="3">
      <t>ナカ</t>
    </rPh>
    <rPh sb="3" eb="4">
      <t>ヒサシ</t>
    </rPh>
    <rPh sb="4" eb="5">
      <t>ク</t>
    </rPh>
    <phoneticPr fontId="11"/>
  </si>
  <si>
    <t xml:space="preserve"> 南　区</t>
    <rPh sb="1" eb="2">
      <t>ミナミ</t>
    </rPh>
    <rPh sb="3" eb="4">
      <t>ク</t>
    </rPh>
    <phoneticPr fontId="11"/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葉山町</t>
    <phoneticPr fontId="11"/>
  </si>
  <si>
    <t>高座郡寒川町</t>
    <phoneticPr fontId="11"/>
  </si>
  <si>
    <t>中郡</t>
  </si>
  <si>
    <t xml:space="preserve">  大磯町</t>
  </si>
  <si>
    <t xml:space="preserve">  二宮町</t>
  </si>
  <si>
    <t>足柄上郡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>足柄下郡</t>
  </si>
  <si>
    <t xml:space="preserve">  箱根町</t>
  </si>
  <si>
    <t xml:space="preserve">  真鶴町</t>
  </si>
  <si>
    <t xml:space="preserve">   湯河原町</t>
    <phoneticPr fontId="11"/>
  </si>
  <si>
    <t>愛甲郡</t>
  </si>
  <si>
    <t xml:space="preserve">  愛川町</t>
  </si>
  <si>
    <t xml:space="preserve">  清川村</t>
  </si>
  <si>
    <t>神奈川県人口統計調査結果「神奈川県の人口と世帯」</t>
    <phoneticPr fontId="10"/>
  </si>
  <si>
    <t>令和４年１月１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#,##0.00_ "/>
  </numFmts>
  <fonts count="22">
    <font>
      <sz val="11"/>
      <name val="明朝"/>
      <family val="1"/>
      <charset val="128"/>
    </font>
    <font>
      <sz val="14"/>
      <name val="Terminal"/>
      <family val="3"/>
      <charset val="255"/>
    </font>
    <font>
      <sz val="11"/>
      <name val="明朝"/>
      <family val="1"/>
      <charset val="128"/>
    </font>
    <font>
      <sz val="6"/>
      <name val="ＭＳ 明朝"/>
      <family val="2"/>
      <charset val="128"/>
    </font>
    <font>
      <sz val="20"/>
      <name val="HGPｺﾞｼｯｸM"/>
      <family val="3"/>
      <charset val="128"/>
    </font>
    <font>
      <sz val="18"/>
      <name val="HGPｺﾞｼｯｸM"/>
      <family val="3"/>
      <charset val="128"/>
    </font>
    <font>
      <sz val="11"/>
      <name val="HGPｺﾞｼｯｸM"/>
      <family val="3"/>
      <charset val="128"/>
    </font>
    <font>
      <sz val="16"/>
      <name val="HGPｺﾞｼｯｸM"/>
      <family val="3"/>
      <charset val="128"/>
    </font>
    <font>
      <sz val="14"/>
      <name val="HGPｺﾞｼｯｸM"/>
      <family val="3"/>
      <charset val="128"/>
    </font>
    <font>
      <sz val="12"/>
      <name val="HGPｺﾞｼｯｸM"/>
      <family val="3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E"/>
      <family val="3"/>
      <charset val="128"/>
    </font>
    <font>
      <b/>
      <sz val="11"/>
      <color theme="0"/>
      <name val="HGPｺﾞｼｯｸM"/>
      <family val="3"/>
      <charset val="128"/>
    </font>
    <font>
      <sz val="11"/>
      <color theme="0"/>
      <name val="HGPｺﾞｼｯｸM"/>
      <family val="3"/>
      <charset val="128"/>
    </font>
    <font>
      <sz val="11"/>
      <name val="HGPｺﾞｼｯｸE"/>
      <family val="3"/>
      <charset val="128"/>
    </font>
    <font>
      <b/>
      <sz val="11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b/>
      <sz val="9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249977111117893"/>
        <bgColor indexed="64"/>
      </patternFill>
    </fill>
    <fill>
      <patternFill patternType="solid">
        <fgColor theme="6" tint="0.39997558519241921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5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 style="medium">
        <color indexed="8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auto="1"/>
      </right>
      <top/>
      <bottom style="medium">
        <color auto="1"/>
      </bottom>
      <diagonal/>
    </border>
  </borders>
  <cellStyleXfs count="2">
    <xf numFmtId="0" fontId="0" fillId="0" borderId="0"/>
    <xf numFmtId="37" fontId="1" fillId="0" borderId="0"/>
  </cellStyleXfs>
  <cellXfs count="82">
    <xf numFmtId="0" fontId="0" fillId="0" borderId="0" xfId="0"/>
    <xf numFmtId="37" fontId="2" fillId="0" borderId="0" xfId="1" applyFont="1"/>
    <xf numFmtId="37" fontId="4" fillId="0" borderId="0" xfId="1" applyFont="1" applyAlignment="1" applyProtection="1">
      <alignment horizontal="centerContinuous"/>
    </xf>
    <xf numFmtId="37" fontId="5" fillId="0" borderId="0" xfId="1" applyFont="1" applyAlignment="1" applyProtection="1">
      <alignment horizontal="centerContinuous"/>
    </xf>
    <xf numFmtId="0" fontId="6" fillId="0" borderId="0" xfId="0" applyFont="1" applyAlignment="1">
      <alignment horizontal="centerContinuous"/>
    </xf>
    <xf numFmtId="37" fontId="6" fillId="0" borderId="0" xfId="1" applyFont="1" applyAlignment="1">
      <alignment horizontal="centerContinuous"/>
    </xf>
    <xf numFmtId="37" fontId="7" fillId="0" borderId="0" xfId="1" applyFont="1" applyBorder="1" applyAlignment="1">
      <alignment horizontal="centerContinuous"/>
    </xf>
    <xf numFmtId="37" fontId="8" fillId="0" borderId="1" xfId="1" applyFont="1" applyBorder="1" applyAlignment="1" applyProtection="1">
      <alignment horizontal="left"/>
      <protection locked="0"/>
    </xf>
    <xf numFmtId="37" fontId="9" fillId="0" borderId="1" xfId="1" applyFont="1" applyBorder="1" applyAlignment="1" applyProtection="1">
      <alignment horizontal="left"/>
      <protection locked="0"/>
    </xf>
    <xf numFmtId="37" fontId="6" fillId="0" borderId="1" xfId="1" applyFont="1" applyBorder="1"/>
    <xf numFmtId="37" fontId="6" fillId="0" borderId="1" xfId="1" applyFont="1" applyBorder="1" applyAlignment="1">
      <alignment horizontal="right"/>
    </xf>
    <xf numFmtId="37" fontId="2" fillId="0" borderId="2" xfId="1" applyFont="1" applyBorder="1" applyAlignment="1">
      <alignment vertical="center"/>
    </xf>
    <xf numFmtId="37" fontId="6" fillId="0" borderId="3" xfId="1" applyFont="1" applyBorder="1" applyAlignment="1" applyProtection="1">
      <alignment horizontal="center" vertical="center"/>
    </xf>
    <xf numFmtId="37" fontId="6" fillId="0" borderId="3" xfId="1" applyFont="1" applyBorder="1" applyAlignment="1">
      <alignment vertical="center"/>
    </xf>
    <xf numFmtId="37" fontId="6" fillId="0" borderId="4" xfId="1" applyFont="1" applyBorder="1" applyAlignment="1" applyProtection="1">
      <alignment horizontal="center" vertical="center"/>
    </xf>
    <xf numFmtId="37" fontId="6" fillId="0" borderId="5" xfId="1" applyFont="1" applyBorder="1" applyAlignment="1" applyProtection="1">
      <alignment horizontal="right" vertical="center"/>
    </xf>
    <xf numFmtId="37" fontId="6" fillId="0" borderId="6" xfId="1" applyFont="1" applyBorder="1" applyAlignment="1">
      <alignment vertical="center"/>
    </xf>
    <xf numFmtId="37" fontId="6" fillId="0" borderId="6" xfId="1" applyFont="1" applyBorder="1" applyAlignment="1" applyProtection="1">
      <alignment horizontal="left" vertical="center"/>
    </xf>
    <xf numFmtId="37" fontId="6" fillId="0" borderId="5" xfId="1" applyFont="1" applyBorder="1" applyAlignment="1" applyProtection="1">
      <alignment horizontal="centerContinuous" vertical="center"/>
    </xf>
    <xf numFmtId="37" fontId="6" fillId="0" borderId="6" xfId="1" applyFont="1" applyBorder="1" applyAlignment="1">
      <alignment horizontal="centerContinuous" vertical="center"/>
    </xf>
    <xf numFmtId="37" fontId="6" fillId="0" borderId="7" xfId="1" applyFont="1" applyBorder="1" applyAlignment="1" applyProtection="1">
      <alignment horizontal="center" vertical="center"/>
    </xf>
    <xf numFmtId="37" fontId="6" fillId="0" borderId="8" xfId="1" applyFont="1" applyBorder="1" applyAlignment="1" applyProtection="1">
      <alignment horizontal="center" vertical="center"/>
    </xf>
    <xf numFmtId="37" fontId="2" fillId="0" borderId="9" xfId="1" applyFont="1" applyBorder="1"/>
    <xf numFmtId="37" fontId="2" fillId="0" borderId="10" xfId="1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37" fontId="6" fillId="0" borderId="11" xfId="1" applyFont="1" applyBorder="1" applyAlignment="1" applyProtection="1">
      <alignment horizontal="center" vertical="center"/>
    </xf>
    <xf numFmtId="0" fontId="6" fillId="0" borderId="12" xfId="0" applyFont="1" applyBorder="1" applyAlignment="1">
      <alignment vertical="center"/>
    </xf>
    <xf numFmtId="37" fontId="6" fillId="0" borderId="13" xfId="1" applyFont="1" applyBorder="1" applyAlignment="1" applyProtection="1">
      <alignment horizontal="center" vertical="center"/>
    </xf>
    <xf numFmtId="37" fontId="12" fillId="0" borderId="14" xfId="1" applyFont="1" applyBorder="1" applyAlignment="1" applyProtection="1">
      <alignment horizontal="center" vertical="center"/>
    </xf>
    <xf numFmtId="37" fontId="2" fillId="0" borderId="15" xfId="1" applyFont="1" applyBorder="1"/>
    <xf numFmtId="37" fontId="6" fillId="0" borderId="0" xfId="1" applyFont="1" applyBorder="1"/>
    <xf numFmtId="37" fontId="12" fillId="0" borderId="16" xfId="1" applyFont="1" applyBorder="1" applyAlignment="1" applyProtection="1">
      <alignment horizontal="right" vertical="top"/>
    </xf>
    <xf numFmtId="37" fontId="12" fillId="0" borderId="17" xfId="1" applyFont="1" applyBorder="1" applyAlignment="1" applyProtection="1">
      <alignment horizontal="right" vertical="top"/>
    </xf>
    <xf numFmtId="37" fontId="12" fillId="0" borderId="18" xfId="1" applyFont="1" applyBorder="1" applyAlignment="1" applyProtection="1">
      <alignment horizontal="right" vertical="top"/>
    </xf>
    <xf numFmtId="37" fontId="13" fillId="2" borderId="15" xfId="1" applyFont="1" applyFill="1" applyBorder="1" applyAlignment="1">
      <alignment vertical="center"/>
    </xf>
    <xf numFmtId="37" fontId="14" fillId="2" borderId="0" xfId="1" applyFont="1" applyFill="1" applyBorder="1" applyAlignment="1" applyProtection="1">
      <alignment horizontal="distributed" vertical="center"/>
    </xf>
    <xf numFmtId="37" fontId="15" fillId="2" borderId="0" xfId="1" applyFont="1" applyFill="1" applyBorder="1" applyAlignment="1" applyProtection="1">
      <alignment horizontal="distributed" vertical="center"/>
    </xf>
    <xf numFmtId="176" fontId="16" fillId="2" borderId="16" xfId="1" applyNumberFormat="1" applyFont="1" applyFill="1" applyBorder="1" applyAlignment="1" applyProtection="1">
      <alignment vertical="center"/>
    </xf>
    <xf numFmtId="176" fontId="16" fillId="2" borderId="19" xfId="1" applyNumberFormat="1" applyFont="1" applyFill="1" applyBorder="1" applyAlignment="1" applyProtection="1">
      <alignment vertical="center"/>
    </xf>
    <xf numFmtId="176" fontId="16" fillId="2" borderId="20" xfId="1" applyNumberFormat="1" applyFont="1" applyFill="1" applyBorder="1" applyAlignment="1" applyProtection="1">
      <alignment vertical="center"/>
    </xf>
    <xf numFmtId="177" fontId="16" fillId="2" borderId="21" xfId="1" applyNumberFormat="1" applyFont="1" applyFill="1" applyBorder="1" applyAlignment="1" applyProtection="1">
      <alignment vertical="center"/>
    </xf>
    <xf numFmtId="176" fontId="16" fillId="2" borderId="22" xfId="1" applyNumberFormat="1" applyFont="1" applyFill="1" applyBorder="1" applyAlignment="1" applyProtection="1">
      <alignment vertical="center"/>
    </xf>
    <xf numFmtId="37" fontId="2" fillId="0" borderId="0" xfId="1" applyFont="1" applyBorder="1"/>
    <xf numFmtId="37" fontId="2" fillId="0" borderId="15" xfId="1" applyFont="1" applyBorder="1" applyAlignment="1">
      <alignment vertical="center"/>
    </xf>
    <xf numFmtId="37" fontId="17" fillId="0" borderId="0" xfId="1" applyFont="1" applyBorder="1" applyAlignment="1" applyProtection="1">
      <alignment horizontal="distributed" vertical="center"/>
    </xf>
    <xf numFmtId="37" fontId="18" fillId="0" borderId="0" xfId="1" applyFont="1" applyBorder="1" applyAlignment="1" applyProtection="1">
      <alignment horizontal="distributed" vertical="center"/>
    </xf>
    <xf numFmtId="176" fontId="6" fillId="0" borderId="16" xfId="1" applyNumberFormat="1" applyFont="1" applyBorder="1" applyAlignment="1" applyProtection="1">
      <alignment vertical="center"/>
    </xf>
    <xf numFmtId="176" fontId="6" fillId="0" borderId="19" xfId="1" applyNumberFormat="1" applyFont="1" applyBorder="1" applyAlignment="1" applyProtection="1">
      <alignment vertical="center"/>
    </xf>
    <xf numFmtId="176" fontId="6" fillId="0" borderId="20" xfId="1" applyNumberFormat="1" applyFont="1" applyBorder="1" applyAlignment="1" applyProtection="1">
      <alignment vertical="center"/>
    </xf>
    <xf numFmtId="177" fontId="6" fillId="0" borderId="21" xfId="1" applyNumberFormat="1" applyFont="1" applyBorder="1" applyAlignment="1" applyProtection="1">
      <alignment vertical="center"/>
    </xf>
    <xf numFmtId="176" fontId="6" fillId="0" borderId="22" xfId="1" applyNumberFormat="1" applyFont="1" applyBorder="1" applyAlignment="1" applyProtection="1">
      <alignment vertical="center"/>
    </xf>
    <xf numFmtId="37" fontId="18" fillId="0" borderId="0" xfId="1" applyFont="1" applyBorder="1" applyAlignment="1">
      <alignment horizontal="distributed" vertical="center"/>
    </xf>
    <xf numFmtId="176" fontId="18" fillId="0" borderId="16" xfId="1" applyNumberFormat="1" applyFont="1" applyBorder="1" applyAlignment="1" applyProtection="1">
      <alignment vertical="center"/>
    </xf>
    <xf numFmtId="176" fontId="18" fillId="0" borderId="19" xfId="1" applyNumberFormat="1" applyFont="1" applyBorder="1" applyAlignment="1" applyProtection="1">
      <alignment vertical="center"/>
    </xf>
    <xf numFmtId="176" fontId="18" fillId="0" borderId="20" xfId="1" applyNumberFormat="1" applyFont="1" applyBorder="1" applyAlignment="1" applyProtection="1">
      <alignment vertical="center"/>
    </xf>
    <xf numFmtId="177" fontId="18" fillId="0" borderId="21" xfId="1" applyNumberFormat="1" applyFont="1" applyBorder="1" applyAlignment="1" applyProtection="1">
      <alignment vertical="center"/>
    </xf>
    <xf numFmtId="176" fontId="18" fillId="0" borderId="22" xfId="1" applyNumberFormat="1" applyFont="1" applyBorder="1" applyAlignment="1" applyProtection="1">
      <alignment vertical="center"/>
    </xf>
    <xf numFmtId="37" fontId="2" fillId="3" borderId="15" xfId="1" applyFont="1" applyFill="1" applyBorder="1" applyAlignment="1">
      <alignment vertical="center"/>
    </xf>
    <xf numFmtId="37" fontId="17" fillId="3" borderId="0" xfId="1" applyFont="1" applyFill="1" applyBorder="1" applyAlignment="1" applyProtection="1">
      <alignment horizontal="distributed" vertical="center"/>
    </xf>
    <xf numFmtId="37" fontId="18" fillId="3" borderId="0" xfId="1" applyFont="1" applyFill="1" applyBorder="1" applyAlignment="1" applyProtection="1">
      <alignment horizontal="distributed" vertical="center"/>
    </xf>
    <xf numFmtId="176" fontId="6" fillId="3" borderId="16" xfId="1" applyNumberFormat="1" applyFont="1" applyFill="1" applyBorder="1" applyAlignment="1" applyProtection="1">
      <alignment vertical="center"/>
    </xf>
    <xf numFmtId="176" fontId="6" fillId="3" borderId="19" xfId="1" applyNumberFormat="1" applyFont="1" applyFill="1" applyBorder="1" applyAlignment="1" applyProtection="1">
      <alignment vertical="center"/>
    </xf>
    <xf numFmtId="176" fontId="6" fillId="3" borderId="20" xfId="1" applyNumberFormat="1" applyFont="1" applyFill="1" applyBorder="1" applyAlignment="1" applyProtection="1">
      <alignment vertical="center"/>
    </xf>
    <xf numFmtId="177" fontId="6" fillId="3" borderId="21" xfId="1" applyNumberFormat="1" applyFont="1" applyFill="1" applyBorder="1" applyAlignment="1" applyProtection="1">
      <alignment vertical="center"/>
    </xf>
    <xf numFmtId="176" fontId="6" fillId="3" borderId="22" xfId="1" applyNumberFormat="1" applyFont="1" applyFill="1" applyBorder="1" applyAlignment="1" applyProtection="1">
      <alignment vertical="center"/>
    </xf>
    <xf numFmtId="37" fontId="19" fillId="0" borderId="0" xfId="1" applyFont="1" applyBorder="1" applyAlignment="1" applyProtection="1">
      <alignment horizontal="distributed" vertical="center"/>
    </xf>
    <xf numFmtId="37" fontId="20" fillId="0" borderId="0" xfId="1" applyFont="1" applyBorder="1" applyAlignment="1" applyProtection="1">
      <alignment horizontal="distributed" vertical="center"/>
    </xf>
    <xf numFmtId="37" fontId="0" fillId="0" borderId="0" xfId="1" applyFont="1"/>
    <xf numFmtId="37" fontId="21" fillId="0" borderId="0" xfId="1" applyFont="1" applyBorder="1" applyAlignment="1" applyProtection="1">
      <alignment horizontal="distributed" vertical="center"/>
    </xf>
    <xf numFmtId="37" fontId="6" fillId="3" borderId="0" xfId="1" applyFont="1" applyFill="1" applyBorder="1" applyAlignment="1" applyProtection="1">
      <alignment horizontal="distributed" vertical="center"/>
    </xf>
    <xf numFmtId="37" fontId="6" fillId="0" borderId="0" xfId="1" applyFont="1" applyBorder="1" applyAlignment="1" applyProtection="1">
      <alignment horizontal="distributed" vertical="center"/>
    </xf>
    <xf numFmtId="37" fontId="18" fillId="0" borderId="23" xfId="1" applyFont="1" applyBorder="1" applyAlignment="1" applyProtection="1">
      <alignment horizontal="distributed" vertical="center"/>
    </xf>
    <xf numFmtId="37" fontId="6" fillId="0" borderId="23" xfId="1" applyFont="1" applyBorder="1" applyAlignment="1" applyProtection="1">
      <alignment horizontal="distributed" vertical="center"/>
    </xf>
    <xf numFmtId="37" fontId="2" fillId="3" borderId="15" xfId="1" applyFont="1" applyFill="1" applyBorder="1"/>
    <xf numFmtId="37" fontId="6" fillId="3" borderId="23" xfId="1" applyFont="1" applyFill="1" applyBorder="1" applyAlignment="1" applyProtection="1">
      <alignment horizontal="distributed" vertical="center"/>
    </xf>
    <xf numFmtId="0" fontId="2" fillId="0" borderId="24" xfId="1" applyNumberFormat="1" applyFont="1" applyBorder="1"/>
    <xf numFmtId="0" fontId="6" fillId="0" borderId="25" xfId="1" applyNumberFormat="1" applyFont="1" applyBorder="1"/>
    <xf numFmtId="0" fontId="6" fillId="0" borderId="26" xfId="1" applyNumberFormat="1" applyFont="1" applyBorder="1"/>
    <xf numFmtId="0" fontId="6" fillId="0" borderId="27" xfId="1" applyNumberFormat="1" applyFont="1" applyBorder="1"/>
    <xf numFmtId="0" fontId="6" fillId="0" borderId="28" xfId="1" applyNumberFormat="1" applyFont="1" applyBorder="1"/>
    <xf numFmtId="37" fontId="6" fillId="0" borderId="0" xfId="1" applyFont="1"/>
    <xf numFmtId="37" fontId="6" fillId="0" borderId="0" xfId="1" applyFont="1" applyAlignment="1">
      <alignment horizontal="right"/>
    </xf>
  </cellXfs>
  <cellStyles count="2">
    <cellStyle name="標準" xfId="0" builtinId="0"/>
    <cellStyle name="標準_月報１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169\2021_03&#20154;&#21475;&#12539;&#21172;&#20685;&#32113;&#35336;&#35506;\01&#20154;&#21475;\02_&#20154;&#21475;&#32113;&#35336;\01_&#26376;&#22577;\&#8706;&#20196;&#21644;4&#24180;1&#26376;1&#26085;&#29694;&#22312;\01_&#12471;&#12473;&#12486;&#12512;\R2&#24180;&#22269;&#35519;&#22522;&#28310;-&#20154;&#21475;&#38598;&#35336;&#12471;&#12473;&#12486;&#12512;ver3&#65288;R4.1.1&#65289;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追加1"/>
      <sheetName val="追加2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>
        <row r="7">
          <cell r="X7" t="str">
            <v>横浜市</v>
          </cell>
        </row>
        <row r="8">
          <cell r="X8" t="str">
            <v>川崎市</v>
          </cell>
        </row>
        <row r="9">
          <cell r="X9" t="str">
            <v>相模原市</v>
          </cell>
        </row>
      </sheetData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 codeName="Sheet105"/>
  <dimension ref="B1:O77"/>
  <sheetViews>
    <sheetView tabSelected="1" view="pageBreakPreview" zoomScaleNormal="100" zoomScaleSheetLayoutView="100" workbookViewId="0"/>
  </sheetViews>
  <sheetFormatPr defaultColWidth="12.125" defaultRowHeight="13.5"/>
  <cols>
    <col min="1" max="1" width="12.125" style="1"/>
    <col min="2" max="2" width="1.625" style="1" customWidth="1"/>
    <col min="3" max="3" width="12.375" style="80" customWidth="1"/>
    <col min="4" max="4" width="1.625" style="80" customWidth="1"/>
    <col min="5" max="8" width="12.625" style="80" customWidth="1"/>
    <col min="9" max="13" width="10.625" style="80" customWidth="1"/>
    <col min="14" max="14" width="19" style="1" customWidth="1"/>
    <col min="15" max="15" width="16.75" style="1" customWidth="1"/>
    <col min="16" max="19" width="14.375" style="1" customWidth="1"/>
    <col min="20" max="16384" width="12.125" style="1"/>
  </cols>
  <sheetData>
    <row r="1" spans="2:15" ht="24">
      <c r="C1" s="2" t="s">
        <v>0</v>
      </c>
      <c r="D1" s="3"/>
      <c r="E1" s="4"/>
      <c r="F1" s="5"/>
      <c r="G1" s="5"/>
      <c r="H1" s="5"/>
      <c r="I1" s="5"/>
      <c r="J1" s="5"/>
      <c r="K1" s="5"/>
      <c r="L1" s="5"/>
      <c r="M1" s="6"/>
    </row>
    <row r="3" spans="2:15" ht="21.95" customHeight="1" thickBot="1">
      <c r="C3" s="7" t="s">
        <v>87</v>
      </c>
      <c r="D3" s="8"/>
      <c r="E3" s="9"/>
      <c r="F3" s="9"/>
      <c r="G3" s="9"/>
      <c r="H3" s="9"/>
      <c r="I3" s="9"/>
      <c r="J3" s="9"/>
      <c r="K3" s="9"/>
      <c r="L3" s="9"/>
      <c r="M3" s="10" t="s">
        <v>1</v>
      </c>
    </row>
    <row r="4" spans="2:15" ht="18" customHeight="1">
      <c r="B4" s="11"/>
      <c r="C4" s="12" t="s">
        <v>2</v>
      </c>
      <c r="D4" s="13"/>
      <c r="E4" s="14" t="s">
        <v>3</v>
      </c>
      <c r="F4" s="15" t="s">
        <v>4</v>
      </c>
      <c r="G4" s="16"/>
      <c r="H4" s="17" t="s">
        <v>5</v>
      </c>
      <c r="I4" s="18" t="s">
        <v>6</v>
      </c>
      <c r="J4" s="19"/>
      <c r="K4" s="19"/>
      <c r="L4" s="20" t="s">
        <v>7</v>
      </c>
      <c r="M4" s="21" t="s">
        <v>8</v>
      </c>
      <c r="N4" s="22"/>
    </row>
    <row r="5" spans="2:15" ht="18" customHeight="1" thickBot="1">
      <c r="B5" s="23"/>
      <c r="C5" s="24"/>
      <c r="D5" s="25"/>
      <c r="E5" s="26"/>
      <c r="F5" s="27" t="s">
        <v>9</v>
      </c>
      <c r="G5" s="27" t="s">
        <v>10</v>
      </c>
      <c r="H5" s="27" t="s">
        <v>11</v>
      </c>
      <c r="I5" s="27" t="s">
        <v>12</v>
      </c>
      <c r="J5" s="27" t="s">
        <v>13</v>
      </c>
      <c r="K5" s="27" t="s">
        <v>14</v>
      </c>
      <c r="L5" s="27" t="s">
        <v>15</v>
      </c>
      <c r="M5" s="28" t="s">
        <v>16</v>
      </c>
      <c r="N5" s="22"/>
    </row>
    <row r="6" spans="2:15" ht="18" customHeight="1">
      <c r="B6" s="29"/>
      <c r="C6" s="30"/>
      <c r="D6" s="30"/>
      <c r="E6" s="31" t="s">
        <v>17</v>
      </c>
      <c r="F6" s="32" t="s">
        <v>4</v>
      </c>
      <c r="G6" s="32" t="s">
        <v>4</v>
      </c>
      <c r="H6" s="32" t="s">
        <v>4</v>
      </c>
      <c r="I6" s="32" t="s">
        <v>4</v>
      </c>
      <c r="J6" s="32" t="s">
        <v>4</v>
      </c>
      <c r="K6" s="32" t="s">
        <v>4</v>
      </c>
      <c r="L6" s="32" t="s">
        <v>4</v>
      </c>
      <c r="M6" s="33" t="s">
        <v>4</v>
      </c>
      <c r="N6" s="22"/>
    </row>
    <row r="7" spans="2:15" ht="24" customHeight="1">
      <c r="B7" s="34"/>
      <c r="C7" s="35" t="s">
        <v>18</v>
      </c>
      <c r="D7" s="36"/>
      <c r="E7" s="37">
        <v>4266757</v>
      </c>
      <c r="F7" s="38">
        <v>9231177</v>
      </c>
      <c r="G7" s="39">
        <v>4579919</v>
      </c>
      <c r="H7" s="39">
        <v>4651258</v>
      </c>
      <c r="I7" s="39">
        <v>-2470</v>
      </c>
      <c r="J7" s="39">
        <v>-2872</v>
      </c>
      <c r="K7" s="39">
        <v>402</v>
      </c>
      <c r="L7" s="40">
        <v>2.1635113037841154</v>
      </c>
      <c r="M7" s="41">
        <v>3820.677452599426</v>
      </c>
      <c r="N7" s="42"/>
    </row>
    <row r="8" spans="2:15" ht="24" customHeight="1">
      <c r="B8" s="43"/>
      <c r="C8" s="44" t="s">
        <v>19</v>
      </c>
      <c r="D8" s="45"/>
      <c r="E8" s="46">
        <v>4144948</v>
      </c>
      <c r="F8" s="47">
        <v>8943901</v>
      </c>
      <c r="G8" s="48">
        <v>4438627</v>
      </c>
      <c r="H8" s="48">
        <v>4505274</v>
      </c>
      <c r="I8" s="48">
        <v>-2464</v>
      </c>
      <c r="J8" s="48">
        <v>-2688</v>
      </c>
      <c r="K8" s="48">
        <v>224</v>
      </c>
      <c r="L8" s="49">
        <v>2.1577836440891418</v>
      </c>
      <c r="M8" s="50">
        <v>4941.9551439669794</v>
      </c>
      <c r="N8" s="42"/>
    </row>
    <row r="9" spans="2:15" ht="24" customHeight="1">
      <c r="B9" s="43"/>
      <c r="C9" s="44" t="s">
        <v>20</v>
      </c>
      <c r="D9" s="45"/>
      <c r="E9" s="46">
        <v>121809</v>
      </c>
      <c r="F9" s="47">
        <v>287276</v>
      </c>
      <c r="G9" s="48">
        <v>141292</v>
      </c>
      <c r="H9" s="48">
        <v>145984</v>
      </c>
      <c r="I9" s="48">
        <v>-6</v>
      </c>
      <c r="J9" s="48">
        <v>-184</v>
      </c>
      <c r="K9" s="48">
        <v>178</v>
      </c>
      <c r="L9" s="49">
        <v>2.3584135819192342</v>
      </c>
      <c r="M9" s="50">
        <v>473.81042700928572</v>
      </c>
      <c r="N9" s="42"/>
    </row>
    <row r="10" spans="2:15" ht="24" customHeight="1">
      <c r="B10" s="43"/>
      <c r="C10" s="51"/>
      <c r="D10" s="51"/>
      <c r="E10" s="52"/>
      <c r="F10" s="53"/>
      <c r="G10" s="54"/>
      <c r="H10" s="54"/>
      <c r="I10" s="54"/>
      <c r="J10" s="54"/>
      <c r="K10" s="54"/>
      <c r="L10" s="55"/>
      <c r="M10" s="56"/>
      <c r="N10" s="42"/>
    </row>
    <row r="11" spans="2:15" ht="24" customHeight="1">
      <c r="B11" s="57"/>
      <c r="C11" s="58" t="s">
        <v>21</v>
      </c>
      <c r="D11" s="59"/>
      <c r="E11" s="60">
        <v>1766617</v>
      </c>
      <c r="F11" s="61">
        <v>3772029</v>
      </c>
      <c r="G11" s="62">
        <v>1862325</v>
      </c>
      <c r="H11" s="62">
        <v>1909704</v>
      </c>
      <c r="I11" s="62">
        <v>-1953</v>
      </c>
      <c r="J11" s="62">
        <v>-1119</v>
      </c>
      <c r="K11" s="62">
        <v>-834</v>
      </c>
      <c r="L11" s="63">
        <v>2.1351707812163023</v>
      </c>
      <c r="M11" s="64">
        <v>8617.6441022594881</v>
      </c>
      <c r="N11" s="42"/>
    </row>
    <row r="12" spans="2:15" ht="24" customHeight="1">
      <c r="B12" s="43"/>
      <c r="C12" s="65" t="s">
        <v>22</v>
      </c>
      <c r="D12" s="45"/>
      <c r="E12" s="46">
        <v>145521</v>
      </c>
      <c r="F12" s="47">
        <v>295580</v>
      </c>
      <c r="G12" s="48">
        <v>152335</v>
      </c>
      <c r="H12" s="48">
        <v>143245</v>
      </c>
      <c r="I12" s="48">
        <v>-360</v>
      </c>
      <c r="J12" s="48">
        <v>-18</v>
      </c>
      <c r="K12" s="48">
        <v>-342</v>
      </c>
      <c r="L12" s="49">
        <v>2.0311845025803836</v>
      </c>
      <c r="M12" s="50">
        <v>8894.974420704184</v>
      </c>
      <c r="N12" s="42"/>
    </row>
    <row r="13" spans="2:15" ht="24" customHeight="1">
      <c r="B13" s="43"/>
      <c r="C13" s="66" t="s">
        <v>23</v>
      </c>
      <c r="D13" s="45"/>
      <c r="E13" s="46">
        <v>130387</v>
      </c>
      <c r="F13" s="47">
        <v>247444</v>
      </c>
      <c r="G13" s="48">
        <v>126161</v>
      </c>
      <c r="H13" s="48">
        <v>121283</v>
      </c>
      <c r="I13" s="48">
        <v>-128</v>
      </c>
      <c r="J13" s="48">
        <v>-25</v>
      </c>
      <c r="K13" s="48">
        <v>-103</v>
      </c>
      <c r="L13" s="49">
        <v>1.8977658815679477</v>
      </c>
      <c r="M13" s="50">
        <v>10431.871838111299</v>
      </c>
      <c r="N13" s="42"/>
    </row>
    <row r="14" spans="2:15" ht="24" customHeight="1">
      <c r="B14" s="43"/>
      <c r="C14" s="65" t="s">
        <v>24</v>
      </c>
      <c r="D14" s="45"/>
      <c r="E14" s="46">
        <v>57244</v>
      </c>
      <c r="F14" s="47">
        <v>104483</v>
      </c>
      <c r="G14" s="48">
        <v>52764</v>
      </c>
      <c r="H14" s="48">
        <v>51719</v>
      </c>
      <c r="I14" s="48">
        <v>-121</v>
      </c>
      <c r="J14" s="48">
        <v>-14</v>
      </c>
      <c r="K14" s="48">
        <v>-107</v>
      </c>
      <c r="L14" s="49">
        <v>1.8252218573125567</v>
      </c>
      <c r="M14" s="50">
        <v>14862.446657183498</v>
      </c>
      <c r="N14" s="42"/>
      <c r="O14" s="67"/>
    </row>
    <row r="15" spans="2:15" ht="24" customHeight="1">
      <c r="B15" s="43"/>
      <c r="C15" s="65" t="s">
        <v>25</v>
      </c>
      <c r="D15" s="45"/>
      <c r="E15" s="46">
        <v>84877</v>
      </c>
      <c r="F15" s="47">
        <v>150271</v>
      </c>
      <c r="G15" s="48">
        <v>76475</v>
      </c>
      <c r="H15" s="48">
        <v>73796</v>
      </c>
      <c r="I15" s="48">
        <v>-296</v>
      </c>
      <c r="J15" s="48">
        <v>-101</v>
      </c>
      <c r="K15" s="48">
        <v>-195</v>
      </c>
      <c r="L15" s="49">
        <v>1.770456071727323</v>
      </c>
      <c r="M15" s="50">
        <v>7008.9085820895516</v>
      </c>
      <c r="N15" s="42"/>
    </row>
    <row r="16" spans="2:15" ht="24" customHeight="1">
      <c r="B16" s="43"/>
      <c r="C16" s="65" t="s">
        <v>26</v>
      </c>
      <c r="D16" s="45"/>
      <c r="E16" s="46">
        <v>104546</v>
      </c>
      <c r="F16" s="47">
        <v>197517</v>
      </c>
      <c r="G16" s="48">
        <v>98564</v>
      </c>
      <c r="H16" s="48">
        <v>98953</v>
      </c>
      <c r="I16" s="48">
        <v>-79</v>
      </c>
      <c r="J16" s="48">
        <v>-128</v>
      </c>
      <c r="K16" s="48">
        <v>49</v>
      </c>
      <c r="L16" s="49">
        <v>1.889283186348593</v>
      </c>
      <c r="M16" s="50">
        <v>15613.99209486166</v>
      </c>
      <c r="N16" s="42"/>
    </row>
    <row r="17" spans="2:14" ht="24" customHeight="1">
      <c r="B17" s="43"/>
      <c r="C17" s="65" t="s">
        <v>27</v>
      </c>
      <c r="D17" s="45"/>
      <c r="E17" s="46">
        <v>96561</v>
      </c>
      <c r="F17" s="47">
        <v>215222</v>
      </c>
      <c r="G17" s="48">
        <v>104900</v>
      </c>
      <c r="H17" s="48">
        <v>110322</v>
      </c>
      <c r="I17" s="48">
        <v>-22</v>
      </c>
      <c r="J17" s="48">
        <v>-71</v>
      </c>
      <c r="K17" s="48">
        <v>49</v>
      </c>
      <c r="L17" s="49">
        <v>2.2288708691914954</v>
      </c>
      <c r="M17" s="50">
        <v>10815.175879396986</v>
      </c>
      <c r="N17" s="42"/>
    </row>
    <row r="18" spans="2:14" ht="24" customHeight="1">
      <c r="B18" s="43"/>
      <c r="C18" s="66" t="s">
        <v>28</v>
      </c>
      <c r="D18" s="68"/>
      <c r="E18" s="46">
        <v>99615</v>
      </c>
      <c r="F18" s="47">
        <v>206631</v>
      </c>
      <c r="G18" s="48">
        <v>101211</v>
      </c>
      <c r="H18" s="48">
        <v>105420</v>
      </c>
      <c r="I18" s="48">
        <v>-332</v>
      </c>
      <c r="J18" s="48">
        <v>-98</v>
      </c>
      <c r="K18" s="48">
        <v>-234</v>
      </c>
      <c r="L18" s="49">
        <v>2.0742960397530492</v>
      </c>
      <c r="M18" s="50">
        <v>9422.2982216142263</v>
      </c>
      <c r="N18" s="42"/>
    </row>
    <row r="19" spans="2:14" ht="24" customHeight="1">
      <c r="B19" s="43"/>
      <c r="C19" s="65" t="s">
        <v>29</v>
      </c>
      <c r="D19" s="45"/>
      <c r="E19" s="46">
        <v>107254</v>
      </c>
      <c r="F19" s="47">
        <v>243359</v>
      </c>
      <c r="G19" s="48">
        <v>117399</v>
      </c>
      <c r="H19" s="48">
        <v>125960</v>
      </c>
      <c r="I19" s="48">
        <v>-44</v>
      </c>
      <c r="J19" s="48">
        <v>-140</v>
      </c>
      <c r="K19" s="48">
        <v>96</v>
      </c>
      <c r="L19" s="49">
        <v>2.268996960486322</v>
      </c>
      <c r="M19" s="50">
        <v>7435.3498319584487</v>
      </c>
      <c r="N19" s="42"/>
    </row>
    <row r="20" spans="2:14" ht="24" customHeight="1">
      <c r="B20" s="43"/>
      <c r="C20" s="65" t="s">
        <v>30</v>
      </c>
      <c r="D20" s="45"/>
      <c r="E20" s="46">
        <v>79156</v>
      </c>
      <c r="F20" s="47">
        <v>166260</v>
      </c>
      <c r="G20" s="48">
        <v>81745</v>
      </c>
      <c r="H20" s="48">
        <v>84515</v>
      </c>
      <c r="I20" s="48">
        <v>-113</v>
      </c>
      <c r="J20" s="48">
        <v>-77</v>
      </c>
      <c r="K20" s="48">
        <v>-36</v>
      </c>
      <c r="L20" s="49">
        <v>2.1004093183081509</v>
      </c>
      <c r="M20" s="50">
        <v>8727.5590551181103</v>
      </c>
      <c r="N20" s="42"/>
    </row>
    <row r="21" spans="2:14" ht="24" customHeight="1">
      <c r="B21" s="43"/>
      <c r="C21" s="65" t="s">
        <v>31</v>
      </c>
      <c r="D21" s="45"/>
      <c r="E21" s="46">
        <v>90406</v>
      </c>
      <c r="F21" s="47">
        <v>197646</v>
      </c>
      <c r="G21" s="48">
        <v>96120</v>
      </c>
      <c r="H21" s="48">
        <v>101526</v>
      </c>
      <c r="I21" s="48">
        <v>-150</v>
      </c>
      <c r="J21" s="48">
        <v>-98</v>
      </c>
      <c r="K21" s="48">
        <v>-52</v>
      </c>
      <c r="L21" s="49">
        <v>2.1862044554564961</v>
      </c>
      <c r="M21" s="50">
        <v>6383.9147286821708</v>
      </c>
      <c r="N21" s="42"/>
    </row>
    <row r="22" spans="2:14" ht="24" customHeight="1">
      <c r="B22" s="43"/>
      <c r="C22" s="65" t="s">
        <v>32</v>
      </c>
      <c r="D22" s="45"/>
      <c r="E22" s="46">
        <v>176936</v>
      </c>
      <c r="F22" s="47">
        <v>359521</v>
      </c>
      <c r="G22" s="48">
        <v>179335</v>
      </c>
      <c r="H22" s="48">
        <v>180186</v>
      </c>
      <c r="I22" s="48">
        <v>-232</v>
      </c>
      <c r="J22" s="48">
        <v>17</v>
      </c>
      <c r="K22" s="48">
        <v>-249</v>
      </c>
      <c r="L22" s="49">
        <v>2.0319267983903786</v>
      </c>
      <c r="M22" s="50">
        <v>11449.713375796178</v>
      </c>
      <c r="N22" s="42"/>
    </row>
    <row r="23" spans="2:14" ht="24" customHeight="1">
      <c r="B23" s="43"/>
      <c r="C23" s="65" t="s">
        <v>33</v>
      </c>
      <c r="D23" s="45"/>
      <c r="E23" s="46">
        <v>80278</v>
      </c>
      <c r="F23" s="47">
        <v>183222</v>
      </c>
      <c r="G23" s="48">
        <v>90027</v>
      </c>
      <c r="H23" s="48">
        <v>93195</v>
      </c>
      <c r="I23" s="48">
        <v>-27</v>
      </c>
      <c r="J23" s="48">
        <v>-78</v>
      </c>
      <c r="K23" s="48">
        <v>51</v>
      </c>
      <c r="L23" s="49">
        <v>2.2823438551035151</v>
      </c>
      <c r="M23" s="50">
        <v>7182.3598588788709</v>
      </c>
      <c r="N23" s="42"/>
    </row>
    <row r="24" spans="2:14" ht="24" customHeight="1">
      <c r="B24" s="43"/>
      <c r="C24" s="65" t="s">
        <v>34</v>
      </c>
      <c r="D24" s="45"/>
      <c r="E24" s="46">
        <v>134290</v>
      </c>
      <c r="F24" s="47">
        <v>311146</v>
      </c>
      <c r="G24" s="48">
        <v>150136</v>
      </c>
      <c r="H24" s="48">
        <v>161010</v>
      </c>
      <c r="I24" s="48">
        <v>0</v>
      </c>
      <c r="J24" s="48">
        <v>-75</v>
      </c>
      <c r="K24" s="48">
        <v>75</v>
      </c>
      <c r="L24" s="49">
        <v>2.3169707349765432</v>
      </c>
      <c r="M24" s="50">
        <v>8834.3554798410005</v>
      </c>
      <c r="N24" s="42"/>
    </row>
    <row r="25" spans="2:14" ht="24" customHeight="1">
      <c r="B25" s="43"/>
      <c r="C25" s="65" t="s">
        <v>35</v>
      </c>
      <c r="D25" s="45"/>
      <c r="E25" s="46">
        <v>86320</v>
      </c>
      <c r="F25" s="47">
        <v>214891</v>
      </c>
      <c r="G25" s="48">
        <v>105270</v>
      </c>
      <c r="H25" s="48">
        <v>109621</v>
      </c>
      <c r="I25" s="48">
        <v>11</v>
      </c>
      <c r="J25" s="48">
        <v>27</v>
      </c>
      <c r="K25" s="48">
        <v>-16</v>
      </c>
      <c r="L25" s="49">
        <v>2.4894694161260427</v>
      </c>
      <c r="M25" s="50">
        <v>7710.4772156440613</v>
      </c>
      <c r="N25" s="42"/>
    </row>
    <row r="26" spans="2:14" ht="24" customHeight="1">
      <c r="B26" s="43"/>
      <c r="C26" s="65" t="s">
        <v>36</v>
      </c>
      <c r="D26" s="45"/>
      <c r="E26" s="46">
        <v>123355</v>
      </c>
      <c r="F26" s="47">
        <v>284084</v>
      </c>
      <c r="G26" s="48">
        <v>138420</v>
      </c>
      <c r="H26" s="48">
        <v>145664</v>
      </c>
      <c r="I26" s="48">
        <v>-126</v>
      </c>
      <c r="J26" s="48">
        <v>-58</v>
      </c>
      <c r="K26" s="48">
        <v>-68</v>
      </c>
      <c r="L26" s="49">
        <v>2.3029792063556402</v>
      </c>
      <c r="M26" s="50">
        <v>7937.5244481698801</v>
      </c>
      <c r="N26" s="42"/>
    </row>
    <row r="27" spans="2:14" ht="24" customHeight="1">
      <c r="B27" s="43"/>
      <c r="C27" s="65" t="s">
        <v>37</v>
      </c>
      <c r="D27" s="45"/>
      <c r="E27" s="46">
        <v>53366</v>
      </c>
      <c r="F27" s="47">
        <v>120613</v>
      </c>
      <c r="G27" s="48">
        <v>58765</v>
      </c>
      <c r="H27" s="48">
        <v>61848</v>
      </c>
      <c r="I27" s="48">
        <v>90</v>
      </c>
      <c r="J27" s="48">
        <v>-49</v>
      </c>
      <c r="K27" s="48">
        <v>139</v>
      </c>
      <c r="L27" s="49">
        <v>2.2601094329723046</v>
      </c>
      <c r="M27" s="50">
        <v>6512.5809935205189</v>
      </c>
      <c r="N27" s="42"/>
    </row>
    <row r="28" spans="2:14" ht="24" customHeight="1">
      <c r="B28" s="43"/>
      <c r="C28" s="65" t="s">
        <v>38</v>
      </c>
      <c r="D28" s="45"/>
      <c r="E28" s="46">
        <v>63514</v>
      </c>
      <c r="F28" s="47">
        <v>152087</v>
      </c>
      <c r="G28" s="48">
        <v>73689</v>
      </c>
      <c r="H28" s="48">
        <v>78398</v>
      </c>
      <c r="I28" s="48">
        <v>-20</v>
      </c>
      <c r="J28" s="48">
        <v>-68</v>
      </c>
      <c r="K28" s="48">
        <v>48</v>
      </c>
      <c r="L28" s="49">
        <v>2.3945429354158136</v>
      </c>
      <c r="M28" s="50">
        <v>6449.8303647158609</v>
      </c>
      <c r="N28" s="42"/>
    </row>
    <row r="29" spans="2:14" ht="24" customHeight="1">
      <c r="B29" s="43"/>
      <c r="C29" s="65" t="s">
        <v>39</v>
      </c>
      <c r="D29" s="45"/>
      <c r="E29" s="46">
        <v>52991</v>
      </c>
      <c r="F29" s="47">
        <v>122052</v>
      </c>
      <c r="G29" s="48">
        <v>59009</v>
      </c>
      <c r="H29" s="48">
        <v>63043</v>
      </c>
      <c r="I29" s="48">
        <v>-4</v>
      </c>
      <c r="J29" s="48">
        <v>-65</v>
      </c>
      <c r="K29" s="48">
        <v>61</v>
      </c>
      <c r="L29" s="49">
        <v>2.3032590439886018</v>
      </c>
      <c r="M29" s="50">
        <v>7108.4449621432723</v>
      </c>
      <c r="N29" s="42"/>
    </row>
    <row r="30" spans="2:14" ht="24" customHeight="1">
      <c r="B30" s="57"/>
      <c r="C30" s="58" t="s">
        <v>40</v>
      </c>
      <c r="D30" s="59"/>
      <c r="E30" s="60">
        <v>754576</v>
      </c>
      <c r="F30" s="61">
        <v>1538825</v>
      </c>
      <c r="G30" s="62">
        <v>774902</v>
      </c>
      <c r="H30" s="62">
        <v>763923</v>
      </c>
      <c r="I30" s="62">
        <v>-527</v>
      </c>
      <c r="J30" s="62">
        <v>-126</v>
      </c>
      <c r="K30" s="62">
        <v>-401</v>
      </c>
      <c r="L30" s="63">
        <v>2.0393240707364138</v>
      </c>
      <c r="M30" s="64">
        <v>10760.261520173415</v>
      </c>
      <c r="N30" s="42"/>
    </row>
    <row r="31" spans="2:14" ht="24" customHeight="1">
      <c r="B31" s="43"/>
      <c r="C31" s="65" t="s">
        <v>41</v>
      </c>
      <c r="D31" s="45"/>
      <c r="E31" s="46">
        <v>123290</v>
      </c>
      <c r="F31" s="47">
        <v>230553</v>
      </c>
      <c r="G31" s="48">
        <v>123835</v>
      </c>
      <c r="H31" s="48">
        <v>106718</v>
      </c>
      <c r="I31" s="48">
        <v>-348</v>
      </c>
      <c r="J31" s="48">
        <v>-117</v>
      </c>
      <c r="K31" s="48">
        <v>-231</v>
      </c>
      <c r="L31" s="49">
        <v>1.8700056776705329</v>
      </c>
      <c r="M31" s="50">
        <v>5832.3551732861115</v>
      </c>
      <c r="N31" s="42"/>
    </row>
    <row r="32" spans="2:14" ht="24" customHeight="1">
      <c r="B32" s="43"/>
      <c r="C32" s="65" t="s">
        <v>42</v>
      </c>
      <c r="D32" s="45"/>
      <c r="E32" s="46">
        <v>80522</v>
      </c>
      <c r="F32" s="47">
        <v>171272</v>
      </c>
      <c r="G32" s="48">
        <v>86533</v>
      </c>
      <c r="H32" s="48">
        <v>84739</v>
      </c>
      <c r="I32" s="48">
        <v>566</v>
      </c>
      <c r="J32" s="48">
        <v>-4</v>
      </c>
      <c r="K32" s="48">
        <v>570</v>
      </c>
      <c r="L32" s="49">
        <v>2.1270211867564144</v>
      </c>
      <c r="M32" s="50">
        <v>17110.089910089911</v>
      </c>
      <c r="N32" s="42"/>
    </row>
    <row r="33" spans="2:14" ht="24" customHeight="1">
      <c r="B33" s="43"/>
      <c r="C33" s="65" t="s">
        <v>43</v>
      </c>
      <c r="D33" s="45"/>
      <c r="E33" s="46">
        <v>135997</v>
      </c>
      <c r="F33" s="47">
        <v>264214</v>
      </c>
      <c r="G33" s="48">
        <v>133771</v>
      </c>
      <c r="H33" s="48">
        <v>130443</v>
      </c>
      <c r="I33" s="48">
        <v>-196</v>
      </c>
      <c r="J33" s="48">
        <v>58</v>
      </c>
      <c r="K33" s="48">
        <v>-254</v>
      </c>
      <c r="L33" s="49">
        <v>1.9427928557247587</v>
      </c>
      <c r="M33" s="50">
        <v>17924.96607869742</v>
      </c>
      <c r="N33" s="42"/>
    </row>
    <row r="34" spans="2:14" ht="24" customHeight="1">
      <c r="B34" s="43"/>
      <c r="C34" s="65" t="s">
        <v>44</v>
      </c>
      <c r="D34" s="45"/>
      <c r="E34" s="46">
        <v>114918</v>
      </c>
      <c r="F34" s="47">
        <v>234478</v>
      </c>
      <c r="G34" s="48">
        <v>116257</v>
      </c>
      <c r="H34" s="48">
        <v>118221</v>
      </c>
      <c r="I34" s="48">
        <v>-189</v>
      </c>
      <c r="J34" s="48">
        <v>10</v>
      </c>
      <c r="K34" s="48">
        <v>-199</v>
      </c>
      <c r="L34" s="49">
        <v>2.0403940200838857</v>
      </c>
      <c r="M34" s="50">
        <v>14332.396088019561</v>
      </c>
      <c r="N34" s="42"/>
    </row>
    <row r="35" spans="2:14" ht="24" customHeight="1">
      <c r="B35" s="43"/>
      <c r="C35" s="65" t="s">
        <v>45</v>
      </c>
      <c r="D35" s="45"/>
      <c r="E35" s="46">
        <v>103724</v>
      </c>
      <c r="F35" s="47">
        <v>234394</v>
      </c>
      <c r="G35" s="48">
        <v>113621</v>
      </c>
      <c r="H35" s="48">
        <v>120773</v>
      </c>
      <c r="I35" s="48">
        <v>-71</v>
      </c>
      <c r="J35" s="48">
        <v>9</v>
      </c>
      <c r="K35" s="48">
        <v>-80</v>
      </c>
      <c r="L35" s="49">
        <v>2.2597855848212562</v>
      </c>
      <c r="M35" s="50">
        <v>12595.056421278883</v>
      </c>
      <c r="N35" s="42"/>
    </row>
    <row r="36" spans="2:14" ht="24" customHeight="1">
      <c r="B36" s="43"/>
      <c r="C36" s="65" t="s">
        <v>46</v>
      </c>
      <c r="D36" s="45"/>
      <c r="E36" s="46">
        <v>115760</v>
      </c>
      <c r="F36" s="47">
        <v>223088</v>
      </c>
      <c r="G36" s="48">
        <v>113612</v>
      </c>
      <c r="H36" s="48">
        <v>109476</v>
      </c>
      <c r="I36" s="48">
        <v>-284</v>
      </c>
      <c r="J36" s="48">
        <v>-37</v>
      </c>
      <c r="K36" s="48">
        <v>-247</v>
      </c>
      <c r="L36" s="49">
        <v>1.9271596406357983</v>
      </c>
      <c r="M36" s="50">
        <v>10882.341463414634</v>
      </c>
      <c r="N36" s="42"/>
    </row>
    <row r="37" spans="2:14" ht="24" customHeight="1">
      <c r="B37" s="43"/>
      <c r="C37" s="65" t="s">
        <v>47</v>
      </c>
      <c r="D37" s="45"/>
      <c r="E37" s="46">
        <v>80365</v>
      </c>
      <c r="F37" s="47">
        <v>180826</v>
      </c>
      <c r="G37" s="48">
        <v>87273</v>
      </c>
      <c r="H37" s="48">
        <v>93553</v>
      </c>
      <c r="I37" s="48">
        <v>-5</v>
      </c>
      <c r="J37" s="48">
        <v>-45</v>
      </c>
      <c r="K37" s="48">
        <v>40</v>
      </c>
      <c r="L37" s="49">
        <v>2.250059105331923</v>
      </c>
      <c r="M37" s="50">
        <v>7777.4623655913974</v>
      </c>
      <c r="N37" s="42"/>
    </row>
    <row r="38" spans="2:14" ht="24" customHeight="1">
      <c r="B38" s="57"/>
      <c r="C38" s="58" t="s">
        <v>48</v>
      </c>
      <c r="D38" s="69"/>
      <c r="E38" s="60">
        <v>337669</v>
      </c>
      <c r="F38" s="61">
        <v>726025</v>
      </c>
      <c r="G38" s="62">
        <v>361887</v>
      </c>
      <c r="H38" s="62">
        <v>364138</v>
      </c>
      <c r="I38" s="62">
        <v>171</v>
      </c>
      <c r="J38" s="62">
        <v>-207</v>
      </c>
      <c r="K38" s="62">
        <v>378</v>
      </c>
      <c r="L38" s="63">
        <v>2.1501085382430722</v>
      </c>
      <c r="M38" s="64">
        <v>2207.3667568635797</v>
      </c>
      <c r="N38" s="42"/>
    </row>
    <row r="39" spans="2:14" ht="24" customHeight="1">
      <c r="B39" s="43"/>
      <c r="C39" s="65" t="s">
        <v>49</v>
      </c>
      <c r="D39" s="70"/>
      <c r="E39" s="46">
        <v>75830</v>
      </c>
      <c r="F39" s="47">
        <v>169461</v>
      </c>
      <c r="G39" s="48">
        <v>85121</v>
      </c>
      <c r="H39" s="48">
        <v>84340</v>
      </c>
      <c r="I39" s="48">
        <v>-88</v>
      </c>
      <c r="J39" s="48">
        <v>-87</v>
      </c>
      <c r="K39" s="48">
        <v>-1</v>
      </c>
      <c r="L39" s="49">
        <v>2.2347487801661612</v>
      </c>
      <c r="M39" s="50">
        <v>667.35320757689124</v>
      </c>
      <c r="N39" s="42"/>
    </row>
    <row r="40" spans="2:14" ht="24" customHeight="1">
      <c r="B40" s="43"/>
      <c r="C40" s="65" t="s">
        <v>50</v>
      </c>
      <c r="D40" s="45"/>
      <c r="E40" s="46">
        <v>126705</v>
      </c>
      <c r="F40" s="47">
        <v>274070</v>
      </c>
      <c r="G40" s="48">
        <v>136978</v>
      </c>
      <c r="H40" s="48">
        <v>137092</v>
      </c>
      <c r="I40" s="48">
        <v>133</v>
      </c>
      <c r="J40" s="48">
        <v>-76</v>
      </c>
      <c r="K40" s="48">
        <v>209</v>
      </c>
      <c r="L40" s="49">
        <v>2.1630559172881889</v>
      </c>
      <c r="M40" s="50">
        <v>7433.4147002983464</v>
      </c>
      <c r="N40" s="42"/>
    </row>
    <row r="41" spans="2:14" ht="24" customHeight="1">
      <c r="B41" s="43"/>
      <c r="C41" s="65" t="s">
        <v>51</v>
      </c>
      <c r="D41" s="45"/>
      <c r="E41" s="46">
        <v>135134</v>
      </c>
      <c r="F41" s="47">
        <v>282494</v>
      </c>
      <c r="G41" s="48">
        <v>139788</v>
      </c>
      <c r="H41" s="48">
        <v>142706</v>
      </c>
      <c r="I41" s="48">
        <v>126</v>
      </c>
      <c r="J41" s="48">
        <v>-44</v>
      </c>
      <c r="K41" s="48">
        <v>170</v>
      </c>
      <c r="L41" s="49">
        <v>2.0904731599745436</v>
      </c>
      <c r="M41" s="50">
        <v>7412.595119391236</v>
      </c>
      <c r="N41" s="42"/>
    </row>
    <row r="42" spans="2:14" ht="23.25" customHeight="1">
      <c r="B42" s="43"/>
      <c r="C42" s="65" t="s">
        <v>52</v>
      </c>
      <c r="D42" s="71"/>
      <c r="E42" s="46">
        <v>165671</v>
      </c>
      <c r="F42" s="47">
        <v>383260</v>
      </c>
      <c r="G42" s="48">
        <v>190994</v>
      </c>
      <c r="H42" s="48">
        <v>192266</v>
      </c>
      <c r="I42" s="48">
        <v>-442</v>
      </c>
      <c r="J42" s="48">
        <v>-286</v>
      </c>
      <c r="K42" s="48">
        <v>-156</v>
      </c>
      <c r="L42" s="49">
        <v>2.3133801329140282</v>
      </c>
      <c r="M42" s="50">
        <v>3801.4282880380879</v>
      </c>
      <c r="N42" s="22"/>
    </row>
    <row r="43" spans="2:14" ht="23.25" customHeight="1">
      <c r="B43" s="43"/>
      <c r="C43" s="65" t="s">
        <v>53</v>
      </c>
      <c r="D43" s="71"/>
      <c r="E43" s="46">
        <v>113453</v>
      </c>
      <c r="F43" s="47">
        <v>257631</v>
      </c>
      <c r="G43" s="48">
        <v>128573</v>
      </c>
      <c r="H43" s="48">
        <v>129058</v>
      </c>
      <c r="I43" s="48">
        <v>-58</v>
      </c>
      <c r="J43" s="48">
        <v>-142</v>
      </c>
      <c r="K43" s="48">
        <v>84</v>
      </c>
      <c r="L43" s="49">
        <v>2.2708169902955411</v>
      </c>
      <c r="M43" s="50">
        <v>3798.7466823945742</v>
      </c>
    </row>
    <row r="44" spans="2:14" ht="23.25" customHeight="1">
      <c r="B44" s="43"/>
      <c r="C44" s="65" t="s">
        <v>54</v>
      </c>
      <c r="D44" s="71"/>
      <c r="E44" s="46">
        <v>76470</v>
      </c>
      <c r="F44" s="47">
        <v>172698</v>
      </c>
      <c r="G44" s="48">
        <v>81089</v>
      </c>
      <c r="H44" s="48">
        <v>91609</v>
      </c>
      <c r="I44" s="48">
        <v>15</v>
      </c>
      <c r="J44" s="48">
        <v>-113</v>
      </c>
      <c r="K44" s="48">
        <v>128</v>
      </c>
      <c r="L44" s="49">
        <v>2.2583758336602591</v>
      </c>
      <c r="M44" s="50">
        <v>4353.3652634232412</v>
      </c>
    </row>
    <row r="45" spans="2:14" ht="23.25" customHeight="1">
      <c r="B45" s="43"/>
      <c r="C45" s="65" t="s">
        <v>55</v>
      </c>
      <c r="D45" s="71"/>
      <c r="E45" s="46">
        <v>197827</v>
      </c>
      <c r="F45" s="47">
        <v>441708</v>
      </c>
      <c r="G45" s="48">
        <v>218078</v>
      </c>
      <c r="H45" s="48">
        <v>223630</v>
      </c>
      <c r="I45" s="48">
        <v>285</v>
      </c>
      <c r="J45" s="48">
        <v>-106</v>
      </c>
      <c r="K45" s="48">
        <v>391</v>
      </c>
      <c r="L45" s="49">
        <v>2.2327993651018314</v>
      </c>
      <c r="M45" s="50">
        <v>6350.0287521564114</v>
      </c>
    </row>
    <row r="46" spans="2:14" ht="23.25" customHeight="1">
      <c r="B46" s="29"/>
      <c r="C46" s="65" t="s">
        <v>56</v>
      </c>
      <c r="D46" s="71"/>
      <c r="E46" s="46">
        <v>82945</v>
      </c>
      <c r="F46" s="47">
        <v>188025</v>
      </c>
      <c r="G46" s="48">
        <v>90838</v>
      </c>
      <c r="H46" s="48">
        <v>97187</v>
      </c>
      <c r="I46" s="48">
        <v>-49</v>
      </c>
      <c r="J46" s="48">
        <v>-125</v>
      </c>
      <c r="K46" s="48">
        <v>76</v>
      </c>
      <c r="L46" s="49">
        <v>2.2668635843028513</v>
      </c>
      <c r="M46" s="50">
        <v>1655.1496478873241</v>
      </c>
    </row>
    <row r="47" spans="2:14" ht="23.25" customHeight="1">
      <c r="B47" s="29"/>
      <c r="C47" s="65" t="s">
        <v>57</v>
      </c>
      <c r="D47" s="72"/>
      <c r="E47" s="46">
        <v>104552</v>
      </c>
      <c r="F47" s="47">
        <v>243835</v>
      </c>
      <c r="G47" s="48">
        <v>118155</v>
      </c>
      <c r="H47" s="48">
        <v>125680</v>
      </c>
      <c r="I47" s="48">
        <v>150</v>
      </c>
      <c r="J47" s="48">
        <v>-50</v>
      </c>
      <c r="K47" s="48">
        <v>200</v>
      </c>
      <c r="L47" s="49">
        <v>2.3321887673119597</v>
      </c>
      <c r="M47" s="50">
        <v>6830.1120448179263</v>
      </c>
    </row>
    <row r="48" spans="2:14" ht="23.25" customHeight="1">
      <c r="B48" s="29"/>
      <c r="C48" s="65" t="s">
        <v>58</v>
      </c>
      <c r="D48" s="72"/>
      <c r="E48" s="46">
        <v>25094</v>
      </c>
      <c r="F48" s="47">
        <v>56869</v>
      </c>
      <c r="G48" s="48">
        <v>26654</v>
      </c>
      <c r="H48" s="48">
        <v>30215</v>
      </c>
      <c r="I48" s="48">
        <v>-40</v>
      </c>
      <c r="J48" s="48">
        <v>-34</v>
      </c>
      <c r="K48" s="48">
        <v>-6</v>
      </c>
      <c r="L48" s="49">
        <v>2.2662389415796604</v>
      </c>
      <c r="M48" s="50">
        <v>3291.0300925925922</v>
      </c>
    </row>
    <row r="49" spans="2:13" ht="23.25" customHeight="1">
      <c r="B49" s="29"/>
      <c r="C49" s="65" t="s">
        <v>59</v>
      </c>
      <c r="D49" s="72"/>
      <c r="E49" s="46">
        <v>17162</v>
      </c>
      <c r="F49" s="47">
        <v>41361</v>
      </c>
      <c r="G49" s="48">
        <v>19799</v>
      </c>
      <c r="H49" s="48">
        <v>21562</v>
      </c>
      <c r="I49" s="48">
        <v>-41</v>
      </c>
      <c r="J49" s="48">
        <v>-46</v>
      </c>
      <c r="K49" s="48">
        <v>5</v>
      </c>
      <c r="L49" s="49">
        <v>2.4100337955949191</v>
      </c>
      <c r="M49" s="50">
        <v>1290.5148205928238</v>
      </c>
    </row>
    <row r="50" spans="2:13" ht="23.25" customHeight="1">
      <c r="B50" s="29"/>
      <c r="C50" s="65" t="s">
        <v>60</v>
      </c>
      <c r="D50" s="72"/>
      <c r="E50" s="46">
        <v>71155</v>
      </c>
      <c r="F50" s="47">
        <v>161949</v>
      </c>
      <c r="G50" s="48">
        <v>81810</v>
      </c>
      <c r="H50" s="48">
        <v>80139</v>
      </c>
      <c r="I50" s="48">
        <v>-5</v>
      </c>
      <c r="J50" s="48">
        <v>-60</v>
      </c>
      <c r="K50" s="48">
        <v>55</v>
      </c>
      <c r="L50" s="49">
        <v>2.276003091841754</v>
      </c>
      <c r="M50" s="50">
        <v>1560.8037779491133</v>
      </c>
    </row>
    <row r="51" spans="2:13" ht="23.25" customHeight="1">
      <c r="B51" s="29"/>
      <c r="C51" s="65" t="s">
        <v>61</v>
      </c>
      <c r="D51" s="72"/>
      <c r="E51" s="46">
        <v>101737</v>
      </c>
      <c r="F51" s="47">
        <v>223571</v>
      </c>
      <c r="G51" s="48">
        <v>115181</v>
      </c>
      <c r="H51" s="48">
        <v>108390</v>
      </c>
      <c r="I51" s="48">
        <v>-153</v>
      </c>
      <c r="J51" s="48">
        <v>-105</v>
      </c>
      <c r="K51" s="48">
        <v>-48</v>
      </c>
      <c r="L51" s="49">
        <v>2.197538751879847</v>
      </c>
      <c r="M51" s="50">
        <v>2382.4701619778343</v>
      </c>
    </row>
    <row r="52" spans="2:13" ht="23.25" customHeight="1">
      <c r="B52" s="29"/>
      <c r="C52" s="65" t="s">
        <v>62</v>
      </c>
      <c r="D52" s="72"/>
      <c r="E52" s="46">
        <v>112879</v>
      </c>
      <c r="F52" s="47">
        <v>241583</v>
      </c>
      <c r="G52" s="48">
        <v>120406</v>
      </c>
      <c r="H52" s="48">
        <v>121177</v>
      </c>
      <c r="I52" s="48">
        <v>183</v>
      </c>
      <c r="J52" s="48">
        <v>-33</v>
      </c>
      <c r="K52" s="48">
        <v>216</v>
      </c>
      <c r="L52" s="49">
        <v>2.1401943674199808</v>
      </c>
      <c r="M52" s="50">
        <v>8917.7925433739383</v>
      </c>
    </row>
    <row r="53" spans="2:13" ht="23.25" customHeight="1">
      <c r="B53" s="29"/>
      <c r="C53" s="65" t="s">
        <v>63</v>
      </c>
      <c r="D53" s="72"/>
      <c r="E53" s="46">
        <v>45541</v>
      </c>
      <c r="F53" s="47">
        <v>101113</v>
      </c>
      <c r="G53" s="48">
        <v>51115</v>
      </c>
      <c r="H53" s="48">
        <v>49998</v>
      </c>
      <c r="I53" s="48">
        <v>-86</v>
      </c>
      <c r="J53" s="48">
        <v>-26</v>
      </c>
      <c r="K53" s="48">
        <v>-60</v>
      </c>
      <c r="L53" s="49">
        <v>2.2202630596605255</v>
      </c>
      <c r="M53" s="50">
        <v>1819.8884089272858</v>
      </c>
    </row>
    <row r="54" spans="2:13" ht="23.25" customHeight="1">
      <c r="B54" s="29"/>
      <c r="C54" s="65" t="s">
        <v>64</v>
      </c>
      <c r="D54" s="72"/>
      <c r="E54" s="46">
        <v>59509</v>
      </c>
      <c r="F54" s="47">
        <v>137523</v>
      </c>
      <c r="G54" s="48">
        <v>69092</v>
      </c>
      <c r="H54" s="48">
        <v>68431</v>
      </c>
      <c r="I54" s="48">
        <v>80</v>
      </c>
      <c r="J54" s="48">
        <v>-27</v>
      </c>
      <c r="K54" s="48">
        <v>107</v>
      </c>
      <c r="L54" s="49">
        <v>2.3109613671881566</v>
      </c>
      <c r="M54" s="50">
        <v>5171.9819481007899</v>
      </c>
    </row>
    <row r="55" spans="2:13" ht="23.25" customHeight="1">
      <c r="B55" s="29"/>
      <c r="C55" s="65" t="s">
        <v>65</v>
      </c>
      <c r="D55" s="72"/>
      <c r="E55" s="46">
        <v>60797</v>
      </c>
      <c r="F55" s="47">
        <v>132260</v>
      </c>
      <c r="G55" s="48">
        <v>65822</v>
      </c>
      <c r="H55" s="48">
        <v>66438</v>
      </c>
      <c r="I55" s="48">
        <v>58</v>
      </c>
      <c r="J55" s="48">
        <v>-26</v>
      </c>
      <c r="K55" s="48">
        <v>84</v>
      </c>
      <c r="L55" s="49">
        <v>2.1754362879747355</v>
      </c>
      <c r="M55" s="50">
        <v>7527.6038702333526</v>
      </c>
    </row>
    <row r="56" spans="2:13" ht="23.25" customHeight="1">
      <c r="B56" s="29"/>
      <c r="C56" s="65" t="s">
        <v>66</v>
      </c>
      <c r="D56" s="72"/>
      <c r="E56" s="46">
        <v>16339</v>
      </c>
      <c r="F56" s="47">
        <v>40332</v>
      </c>
      <c r="G56" s="48">
        <v>19732</v>
      </c>
      <c r="H56" s="48">
        <v>20600</v>
      </c>
      <c r="I56" s="48">
        <v>-37</v>
      </c>
      <c r="J56" s="48">
        <v>-32</v>
      </c>
      <c r="K56" s="48">
        <v>-5</v>
      </c>
      <c r="L56" s="49">
        <v>2.468449721525185</v>
      </c>
      <c r="M56" s="50">
        <v>522.97717842323652</v>
      </c>
    </row>
    <row r="57" spans="2:13" ht="23.25" customHeight="1">
      <c r="B57" s="29"/>
      <c r="C57" s="65" t="s">
        <v>67</v>
      </c>
      <c r="D57" s="72"/>
      <c r="E57" s="46">
        <v>34955</v>
      </c>
      <c r="F57" s="47">
        <v>83304</v>
      </c>
      <c r="G57" s="48">
        <v>42175</v>
      </c>
      <c r="H57" s="48">
        <v>41129</v>
      </c>
      <c r="I57" s="48">
        <v>-15</v>
      </c>
      <c r="J57" s="48">
        <v>-25</v>
      </c>
      <c r="K57" s="48">
        <v>10</v>
      </c>
      <c r="L57" s="49">
        <v>2.3831783721928192</v>
      </c>
      <c r="M57" s="50">
        <v>3762.6016260162601</v>
      </c>
    </row>
    <row r="58" spans="2:13" ht="23.25" customHeight="1">
      <c r="B58" s="29"/>
      <c r="C58" s="66" t="s">
        <v>68</v>
      </c>
      <c r="D58" s="72"/>
      <c r="E58" s="46">
        <v>13105</v>
      </c>
      <c r="F58" s="47">
        <v>31651</v>
      </c>
      <c r="G58" s="48">
        <v>14872</v>
      </c>
      <c r="H58" s="48">
        <v>16779</v>
      </c>
      <c r="I58" s="48">
        <v>-5</v>
      </c>
      <c r="J58" s="48">
        <v>-21</v>
      </c>
      <c r="K58" s="48">
        <v>16</v>
      </c>
      <c r="L58" s="49">
        <v>2.4151850438763831</v>
      </c>
      <c r="M58" s="50">
        <v>1857.4530516431926</v>
      </c>
    </row>
    <row r="59" spans="2:13" ht="23.25" customHeight="1">
      <c r="B59" s="29"/>
      <c r="C59" s="66" t="s">
        <v>69</v>
      </c>
      <c r="D59" s="72"/>
      <c r="E59" s="46">
        <v>20192</v>
      </c>
      <c r="F59" s="47">
        <v>48570</v>
      </c>
      <c r="G59" s="48">
        <v>24595</v>
      </c>
      <c r="H59" s="48">
        <v>23975</v>
      </c>
      <c r="I59" s="48">
        <v>20</v>
      </c>
      <c r="J59" s="48">
        <v>-23</v>
      </c>
      <c r="K59" s="48">
        <v>43</v>
      </c>
      <c r="L59" s="49">
        <v>2.4054080824088748</v>
      </c>
      <c r="M59" s="50">
        <v>3640.9295352323838</v>
      </c>
    </row>
    <row r="60" spans="2:13" ht="23.25" customHeight="1">
      <c r="B60" s="73"/>
      <c r="C60" s="58" t="s">
        <v>70</v>
      </c>
      <c r="D60" s="74"/>
      <c r="E60" s="60">
        <v>24410</v>
      </c>
      <c r="F60" s="61">
        <v>58830</v>
      </c>
      <c r="G60" s="62">
        <v>28504</v>
      </c>
      <c r="H60" s="62">
        <v>30326</v>
      </c>
      <c r="I60" s="62">
        <v>32</v>
      </c>
      <c r="J60" s="62">
        <v>-36</v>
      </c>
      <c r="K60" s="62">
        <v>68</v>
      </c>
      <c r="L60" s="63">
        <v>2.4100778369520688</v>
      </c>
      <c r="M60" s="64">
        <v>2241.1428571428573</v>
      </c>
    </row>
    <row r="61" spans="2:13" ht="23.25" customHeight="1">
      <c r="B61" s="29"/>
      <c r="C61" s="65" t="s">
        <v>71</v>
      </c>
      <c r="D61" s="72"/>
      <c r="E61" s="46">
        <v>12794</v>
      </c>
      <c r="F61" s="47">
        <v>31461</v>
      </c>
      <c r="G61" s="48">
        <v>15342</v>
      </c>
      <c r="H61" s="48">
        <v>16119</v>
      </c>
      <c r="I61" s="48">
        <v>37</v>
      </c>
      <c r="J61" s="48">
        <v>-20</v>
      </c>
      <c r="K61" s="48">
        <v>57</v>
      </c>
      <c r="L61" s="49">
        <v>2.4590433015476005</v>
      </c>
      <c r="M61" s="50">
        <v>1831.2572759022119</v>
      </c>
    </row>
    <row r="62" spans="2:13" ht="23.25" customHeight="1">
      <c r="B62" s="29"/>
      <c r="C62" s="65" t="s">
        <v>72</v>
      </c>
      <c r="D62" s="72"/>
      <c r="E62" s="46">
        <v>11616</v>
      </c>
      <c r="F62" s="47">
        <v>27369</v>
      </c>
      <c r="G62" s="48">
        <v>13162</v>
      </c>
      <c r="H62" s="48">
        <v>14207</v>
      </c>
      <c r="I62" s="48">
        <v>-5</v>
      </c>
      <c r="J62" s="48">
        <v>-16</v>
      </c>
      <c r="K62" s="48">
        <v>11</v>
      </c>
      <c r="L62" s="49">
        <v>2.3561466942148761</v>
      </c>
      <c r="M62" s="50">
        <v>3014.2070484581495</v>
      </c>
    </row>
    <row r="63" spans="2:13" ht="23.25" customHeight="1">
      <c r="B63" s="73"/>
      <c r="C63" s="58" t="s">
        <v>73</v>
      </c>
      <c r="D63" s="74"/>
      <c r="E63" s="60">
        <v>25833</v>
      </c>
      <c r="F63" s="61">
        <v>65025</v>
      </c>
      <c r="G63" s="62">
        <v>31999</v>
      </c>
      <c r="H63" s="62">
        <v>33026</v>
      </c>
      <c r="I63" s="62">
        <v>-33</v>
      </c>
      <c r="J63" s="62">
        <v>-33</v>
      </c>
      <c r="K63" s="62">
        <v>0</v>
      </c>
      <c r="L63" s="63">
        <v>2.5171292532806877</v>
      </c>
      <c r="M63" s="64">
        <v>214.40582959641259</v>
      </c>
    </row>
    <row r="64" spans="2:13" ht="23.25" customHeight="1">
      <c r="B64" s="29"/>
      <c r="C64" s="65" t="s">
        <v>74</v>
      </c>
      <c r="D64" s="72"/>
      <c r="E64" s="46">
        <v>3415</v>
      </c>
      <c r="F64" s="47">
        <v>9100</v>
      </c>
      <c r="G64" s="48">
        <v>4544</v>
      </c>
      <c r="H64" s="48">
        <v>4556</v>
      </c>
      <c r="I64" s="48">
        <v>-17</v>
      </c>
      <c r="J64" s="48">
        <v>-7</v>
      </c>
      <c r="K64" s="48">
        <v>-10</v>
      </c>
      <c r="L64" s="49">
        <v>2.664714494875549</v>
      </c>
      <c r="M64" s="50">
        <v>455.22761380690349</v>
      </c>
    </row>
    <row r="65" spans="2:13" ht="23.25" customHeight="1">
      <c r="B65" s="29"/>
      <c r="C65" s="65" t="s">
        <v>75</v>
      </c>
      <c r="D65" s="72"/>
      <c r="E65" s="46">
        <v>6847</v>
      </c>
      <c r="F65" s="47">
        <v>17195</v>
      </c>
      <c r="G65" s="48">
        <v>8431</v>
      </c>
      <c r="H65" s="48">
        <v>8764</v>
      </c>
      <c r="I65" s="48">
        <v>-4</v>
      </c>
      <c r="J65" s="48">
        <v>-1</v>
      </c>
      <c r="K65" s="48">
        <v>-3</v>
      </c>
      <c r="L65" s="49">
        <v>2.5113188257631078</v>
      </c>
      <c r="M65" s="50">
        <v>1195.7579972183587</v>
      </c>
    </row>
    <row r="66" spans="2:13" ht="23.25" customHeight="1">
      <c r="B66" s="29"/>
      <c r="C66" s="65" t="s">
        <v>76</v>
      </c>
      <c r="D66" s="72"/>
      <c r="E66" s="46">
        <v>4539</v>
      </c>
      <c r="F66" s="47">
        <v>10613</v>
      </c>
      <c r="G66" s="48">
        <v>5271</v>
      </c>
      <c r="H66" s="48">
        <v>5342</v>
      </c>
      <c r="I66" s="48">
        <v>-8</v>
      </c>
      <c r="J66" s="48">
        <v>-7</v>
      </c>
      <c r="K66" s="48">
        <v>-1</v>
      </c>
      <c r="L66" s="49">
        <v>2.3381802159065872</v>
      </c>
      <c r="M66" s="50">
        <v>281.13907284768214</v>
      </c>
    </row>
    <row r="67" spans="2:13" ht="23.25" customHeight="1">
      <c r="B67" s="29"/>
      <c r="C67" s="65" t="s">
        <v>77</v>
      </c>
      <c r="D67" s="72"/>
      <c r="E67" s="46">
        <v>3931</v>
      </c>
      <c r="F67" s="47">
        <v>9556</v>
      </c>
      <c r="G67" s="48">
        <v>4733</v>
      </c>
      <c r="H67" s="48">
        <v>4823</v>
      </c>
      <c r="I67" s="48">
        <v>-20</v>
      </c>
      <c r="J67" s="48">
        <v>-21</v>
      </c>
      <c r="K67" s="48">
        <v>1</v>
      </c>
      <c r="L67" s="49">
        <v>2.4309336046807428</v>
      </c>
      <c r="M67" s="50">
        <v>42.544855527358528</v>
      </c>
    </row>
    <row r="68" spans="2:13" ht="23.25" customHeight="1">
      <c r="B68" s="29"/>
      <c r="C68" s="65" t="s">
        <v>78</v>
      </c>
      <c r="D68" s="72"/>
      <c r="E68" s="46">
        <v>7101</v>
      </c>
      <c r="F68" s="47">
        <v>18561</v>
      </c>
      <c r="G68" s="48">
        <v>9020</v>
      </c>
      <c r="H68" s="48">
        <v>9541</v>
      </c>
      <c r="I68" s="48">
        <v>16</v>
      </c>
      <c r="J68" s="48">
        <v>3</v>
      </c>
      <c r="K68" s="48">
        <v>13</v>
      </c>
      <c r="L68" s="49">
        <v>2.6138572032108152</v>
      </c>
      <c r="M68" s="50">
        <v>2833.7404580152674</v>
      </c>
    </row>
    <row r="69" spans="2:13" ht="23.25" customHeight="1">
      <c r="B69" s="73"/>
      <c r="C69" s="58" t="s">
        <v>79</v>
      </c>
      <c r="D69" s="74"/>
      <c r="E69" s="60">
        <v>19938</v>
      </c>
      <c r="F69" s="61">
        <v>40698</v>
      </c>
      <c r="G69" s="62">
        <v>19094</v>
      </c>
      <c r="H69" s="62">
        <v>21604</v>
      </c>
      <c r="I69" s="62">
        <v>-33</v>
      </c>
      <c r="J69" s="62">
        <v>-49</v>
      </c>
      <c r="K69" s="62">
        <v>16</v>
      </c>
      <c r="L69" s="63">
        <v>2.0412278061992177</v>
      </c>
      <c r="M69" s="64">
        <v>288.90466387449419</v>
      </c>
    </row>
    <row r="70" spans="2:13" ht="23.25" customHeight="1">
      <c r="B70" s="29"/>
      <c r="C70" s="65" t="s">
        <v>80</v>
      </c>
      <c r="D70" s="72"/>
      <c r="E70" s="46">
        <v>6292</v>
      </c>
      <c r="F70" s="47">
        <v>11082</v>
      </c>
      <c r="G70" s="48">
        <v>5341</v>
      </c>
      <c r="H70" s="48">
        <v>5741</v>
      </c>
      <c r="I70" s="48">
        <v>-24</v>
      </c>
      <c r="J70" s="48">
        <v>-13</v>
      </c>
      <c r="K70" s="48">
        <v>-11</v>
      </c>
      <c r="L70" s="49">
        <v>1.7612841703750794</v>
      </c>
      <c r="M70" s="50">
        <v>119.34094335558906</v>
      </c>
    </row>
    <row r="71" spans="2:13" ht="23.25" customHeight="1">
      <c r="B71" s="29"/>
      <c r="C71" s="65" t="s">
        <v>81</v>
      </c>
      <c r="D71" s="72"/>
      <c r="E71" s="46">
        <v>2951</v>
      </c>
      <c r="F71" s="47">
        <v>6575</v>
      </c>
      <c r="G71" s="48">
        <v>3042</v>
      </c>
      <c r="H71" s="48">
        <v>3533</v>
      </c>
      <c r="I71" s="48">
        <v>3</v>
      </c>
      <c r="J71" s="48">
        <v>-8</v>
      </c>
      <c r="K71" s="48">
        <v>11</v>
      </c>
      <c r="L71" s="49">
        <v>2.2280582853270077</v>
      </c>
      <c r="M71" s="50">
        <v>932.6241134751773</v>
      </c>
    </row>
    <row r="72" spans="2:13" ht="23.25" customHeight="1">
      <c r="B72" s="29"/>
      <c r="C72" s="65" t="s">
        <v>82</v>
      </c>
      <c r="D72" s="72"/>
      <c r="E72" s="46">
        <v>10695</v>
      </c>
      <c r="F72" s="47">
        <v>23041</v>
      </c>
      <c r="G72" s="48">
        <v>10711</v>
      </c>
      <c r="H72" s="48">
        <v>12330</v>
      </c>
      <c r="I72" s="48">
        <v>-12</v>
      </c>
      <c r="J72" s="48">
        <v>-28</v>
      </c>
      <c r="K72" s="48">
        <v>16</v>
      </c>
      <c r="L72" s="49">
        <v>2.1543712014960263</v>
      </c>
      <c r="M72" s="50">
        <v>562.38711252135715</v>
      </c>
    </row>
    <row r="73" spans="2:13" ht="23.25" customHeight="1">
      <c r="B73" s="73"/>
      <c r="C73" s="58" t="s">
        <v>83</v>
      </c>
      <c r="D73" s="74"/>
      <c r="E73" s="60">
        <v>18331</v>
      </c>
      <c r="F73" s="61">
        <v>42502</v>
      </c>
      <c r="G73" s="62">
        <v>22228</v>
      </c>
      <c r="H73" s="62">
        <v>20274</v>
      </c>
      <c r="I73" s="62">
        <v>13</v>
      </c>
      <c r="J73" s="62">
        <v>-22</v>
      </c>
      <c r="K73" s="62">
        <v>35</v>
      </c>
      <c r="L73" s="63">
        <v>2.3185860018547815</v>
      </c>
      <c r="M73" s="64">
        <v>402.78620166793024</v>
      </c>
    </row>
    <row r="74" spans="2:13" ht="23.25" customHeight="1">
      <c r="B74" s="29"/>
      <c r="C74" s="65" t="s">
        <v>84</v>
      </c>
      <c r="D74" s="72"/>
      <c r="E74" s="46">
        <v>17198</v>
      </c>
      <c r="F74" s="47">
        <v>39492</v>
      </c>
      <c r="G74" s="48">
        <v>20692</v>
      </c>
      <c r="H74" s="48">
        <v>18800</v>
      </c>
      <c r="I74" s="48">
        <v>14</v>
      </c>
      <c r="J74" s="48">
        <v>-19</v>
      </c>
      <c r="K74" s="48">
        <v>33</v>
      </c>
      <c r="L74" s="49">
        <v>2.2963135248284683</v>
      </c>
      <c r="M74" s="50">
        <v>1152.0420070011669</v>
      </c>
    </row>
    <row r="75" spans="2:13" ht="23.25" customHeight="1">
      <c r="B75" s="29"/>
      <c r="C75" s="65" t="s">
        <v>85</v>
      </c>
      <c r="D75" s="72"/>
      <c r="E75" s="46">
        <v>1133</v>
      </c>
      <c r="F75" s="47">
        <v>3010</v>
      </c>
      <c r="G75" s="48">
        <v>1536</v>
      </c>
      <c r="H75" s="48">
        <v>1474</v>
      </c>
      <c r="I75" s="48">
        <v>-1</v>
      </c>
      <c r="J75" s="48">
        <v>-3</v>
      </c>
      <c r="K75" s="48">
        <v>2</v>
      </c>
      <c r="L75" s="49">
        <v>2.6566637246248899</v>
      </c>
      <c r="M75" s="50">
        <v>42.251544076361597</v>
      </c>
    </row>
    <row r="76" spans="2:13" ht="14.25" thickBot="1">
      <c r="B76" s="75"/>
      <c r="C76" s="76"/>
      <c r="D76" s="76"/>
      <c r="E76" s="77"/>
      <c r="F76" s="78"/>
      <c r="G76" s="78"/>
      <c r="H76" s="78"/>
      <c r="I76" s="78"/>
      <c r="J76" s="78"/>
      <c r="K76" s="78"/>
      <c r="L76" s="78"/>
      <c r="M76" s="79"/>
    </row>
    <row r="77" spans="2:13">
      <c r="M77" s="81" t="s">
        <v>86</v>
      </c>
    </row>
  </sheetData>
  <mergeCells count="2">
    <mergeCell ref="C4:C5"/>
    <mergeCell ref="E4:E5"/>
  </mergeCells>
  <phoneticPr fontId="3"/>
  <printOptions horizontalCentered="1" gridLinesSet="0"/>
  <pageMargins left="0.23622047244094491" right="0.23622047244094491" top="0.74803149606299213" bottom="0.74803149606299213" header="0.31496062992125984" footer="0.31496062992125984"/>
  <pageSetup paperSize="9" scale="82" orientation="portrait" r:id="rId1"/>
  <headerFooter alignWithMargins="0"/>
  <rowBreaks count="1" manualBreakCount="1">
    <brk id="41" min="1" max="12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人口と世帯</vt:lpstr>
      <vt:lpstr>人口と世帯!Print_Area</vt:lpstr>
      <vt:lpstr>人口と世帯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1-21T05:48:14Z</dcterms:created>
  <dcterms:modified xsi:type="dcterms:W3CDTF">2022-01-21T05:48:46Z</dcterms:modified>
</cp:coreProperties>
</file>